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99" d="100"/>
          <a:sy n="99" d="100"/>
        </p:scale>
        <p:origin x="2034" y="84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3/22/2022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37" y="4909480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463540" y="5230399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1061098" y="1352236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0677CB81-E8A9-46C6-B442-B2B9D65BBEF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39755339"/>
              </p:ext>
            </p:extLst>
          </p:nvPr>
        </p:nvGraphicFramePr>
        <p:xfrm>
          <a:off x="785678" y="5273571"/>
          <a:ext cx="3177082" cy="1443663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404605">
                  <a:extLst>
                    <a:ext uri="{9D8B030D-6E8A-4147-A177-3AD203B41FA5}">
                      <a16:colId xmlns:a16="http://schemas.microsoft.com/office/drawing/2014/main" val="3998091540"/>
                    </a:ext>
                  </a:extLst>
                </a:gridCol>
                <a:gridCol w="702303">
                  <a:extLst>
                    <a:ext uri="{9D8B030D-6E8A-4147-A177-3AD203B41FA5}">
                      <a16:colId xmlns:a16="http://schemas.microsoft.com/office/drawing/2014/main" val="1985904592"/>
                    </a:ext>
                  </a:extLst>
                </a:gridCol>
                <a:gridCol w="535087">
                  <a:extLst>
                    <a:ext uri="{9D8B030D-6E8A-4147-A177-3AD203B41FA5}">
                      <a16:colId xmlns:a16="http://schemas.microsoft.com/office/drawing/2014/main" val="2965268428"/>
                    </a:ext>
                  </a:extLst>
                </a:gridCol>
                <a:gridCol w="535087">
                  <a:extLst>
                    <a:ext uri="{9D8B030D-6E8A-4147-A177-3AD203B41FA5}">
                      <a16:colId xmlns:a16="http://schemas.microsoft.com/office/drawing/2014/main" val="417332440"/>
                    </a:ext>
                  </a:extLst>
                </a:gridCol>
              </a:tblGrid>
              <a:tr h="160407">
                <a:tc rowSpan="2" gridSpan="2">
                  <a:txBody>
                    <a:bodyPr/>
                    <a:lstStyle/>
                    <a:p>
                      <a:pPr algn="l" rtl="0" fontAlgn="ctr"/>
                      <a:r>
                        <a:rPr lang="en-US" sz="1000" u="none" strike="noStrike">
                          <a:effectLst/>
                        </a:rPr>
                        <a:t>Value Based on 8.5% WACC &amp; 0.5% TGR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rowSpan="2"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 dirty="0">
                          <a:effectLst/>
                        </a:rPr>
                        <a:t>Amount</a:t>
                      </a:r>
                      <a:endParaRPr lang="en-US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 dirty="0">
                          <a:effectLst/>
                        </a:rPr>
                        <a:t>% of </a:t>
                      </a:r>
                      <a:endParaRPr lang="en-US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579200108"/>
                  </a:ext>
                </a:extLst>
              </a:tr>
              <a:tr h="160407">
                <a:tc gridSpan="2"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 dirty="0">
                          <a:effectLst/>
                        </a:rPr>
                        <a:t>($m)</a:t>
                      </a:r>
                      <a:endParaRPr lang="en-US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 dirty="0">
                          <a:effectLst/>
                        </a:rPr>
                        <a:t>NPV</a:t>
                      </a:r>
                      <a:endParaRPr lang="en-US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747665513"/>
                  </a:ext>
                </a:extLst>
              </a:tr>
              <a:tr h="160407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 dirty="0">
                          <a:effectLst/>
                        </a:rPr>
                        <a:t>Present Value of Cashflows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407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50.0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174720182"/>
                  </a:ext>
                </a:extLst>
              </a:tr>
              <a:tr h="160407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 dirty="0">
                          <a:effectLst/>
                        </a:rPr>
                        <a:t>PV of Terminal Value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407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 dirty="0">
                          <a:effectLst/>
                        </a:rPr>
                        <a:t>50.0%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882419351"/>
                  </a:ext>
                </a:extLst>
              </a:tr>
              <a:tr h="160407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 dirty="0">
                          <a:effectLst/>
                        </a:rPr>
                        <a:t>Implied Firm NPV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814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00.0%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394850637"/>
                  </a:ext>
                </a:extLst>
              </a:tr>
              <a:tr h="160407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 dirty="0">
                          <a:effectLst/>
                        </a:rPr>
                        <a:t>Net debt &amp; adjustments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(8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585385356"/>
                  </a:ext>
                </a:extLst>
              </a:tr>
              <a:tr h="160407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 dirty="0">
                          <a:effectLst/>
                        </a:rPr>
                        <a:t>Implied equity value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729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 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293242904"/>
                  </a:ext>
                </a:extLst>
              </a:tr>
              <a:tr h="160407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 dirty="0">
                          <a:effectLst/>
                        </a:rPr>
                        <a:t>Implied share price ($c)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367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366910187"/>
                  </a:ext>
                </a:extLst>
              </a:tr>
              <a:tr h="160407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 dirty="0">
                          <a:effectLst/>
                        </a:rPr>
                        <a:t>% premium to current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11430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22.1% </a:t>
                      </a:r>
                      <a:endParaRPr lang="en-US" sz="8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179666927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C7842DAE-AF95-4D99-83EC-6AE482638E7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59451121"/>
              </p:ext>
            </p:extLst>
          </p:nvPr>
        </p:nvGraphicFramePr>
        <p:xfrm>
          <a:off x="5463540" y="5438274"/>
          <a:ext cx="4439421" cy="127950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634203">
                  <a:extLst>
                    <a:ext uri="{9D8B030D-6E8A-4147-A177-3AD203B41FA5}">
                      <a16:colId xmlns:a16="http://schemas.microsoft.com/office/drawing/2014/main" val="3458461676"/>
                    </a:ext>
                  </a:extLst>
                </a:gridCol>
                <a:gridCol w="634203">
                  <a:extLst>
                    <a:ext uri="{9D8B030D-6E8A-4147-A177-3AD203B41FA5}">
                      <a16:colId xmlns:a16="http://schemas.microsoft.com/office/drawing/2014/main" val="3946145795"/>
                    </a:ext>
                  </a:extLst>
                </a:gridCol>
                <a:gridCol w="634203">
                  <a:extLst>
                    <a:ext uri="{9D8B030D-6E8A-4147-A177-3AD203B41FA5}">
                      <a16:colId xmlns:a16="http://schemas.microsoft.com/office/drawing/2014/main" val="2927473114"/>
                    </a:ext>
                  </a:extLst>
                </a:gridCol>
                <a:gridCol w="634203">
                  <a:extLst>
                    <a:ext uri="{9D8B030D-6E8A-4147-A177-3AD203B41FA5}">
                      <a16:colId xmlns:a16="http://schemas.microsoft.com/office/drawing/2014/main" val="2170446828"/>
                    </a:ext>
                  </a:extLst>
                </a:gridCol>
                <a:gridCol w="634203">
                  <a:extLst>
                    <a:ext uri="{9D8B030D-6E8A-4147-A177-3AD203B41FA5}">
                      <a16:colId xmlns:a16="http://schemas.microsoft.com/office/drawing/2014/main" val="3994978763"/>
                    </a:ext>
                  </a:extLst>
                </a:gridCol>
                <a:gridCol w="634203">
                  <a:extLst>
                    <a:ext uri="{9D8B030D-6E8A-4147-A177-3AD203B41FA5}">
                      <a16:colId xmlns:a16="http://schemas.microsoft.com/office/drawing/2014/main" val="160382283"/>
                    </a:ext>
                  </a:extLst>
                </a:gridCol>
                <a:gridCol w="634203">
                  <a:extLst>
                    <a:ext uri="{9D8B030D-6E8A-4147-A177-3AD203B41FA5}">
                      <a16:colId xmlns:a16="http://schemas.microsoft.com/office/drawing/2014/main" val="2388239964"/>
                    </a:ext>
                  </a:extLst>
                </a:gridCol>
              </a:tblGrid>
              <a:tr h="182786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>
                          <a:effectLst/>
                        </a:rPr>
                        <a:t>Perpetuity Growth Rate (%)</a:t>
                      </a:r>
                      <a:endParaRPr lang="en-US" sz="10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99743326"/>
                  </a:ext>
                </a:extLst>
              </a:tr>
              <a:tr h="182786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>
                          <a:effectLst/>
                        </a:rPr>
                        <a:t>WACC (%)</a:t>
                      </a:r>
                      <a:endParaRPr lang="en-US" sz="10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vert="vert27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 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0.00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0.25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0.50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0.75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1.00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174541669"/>
                  </a:ext>
                </a:extLst>
              </a:tr>
              <a:tr h="182786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7.5%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729 / 826c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762 / 843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797 / 860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835 / 87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876 / 900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4243193622"/>
                  </a:ext>
                </a:extLst>
              </a:tr>
              <a:tr h="182786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8.0%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616 / 76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643 / 783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673 / 798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704 / 814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738 / 831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144714769"/>
                  </a:ext>
                </a:extLst>
              </a:tr>
              <a:tr h="182786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8.5%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516 / 71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540 / 731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565 / 744c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591 / 757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619 / 771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778211701"/>
                  </a:ext>
                </a:extLst>
              </a:tr>
              <a:tr h="182786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9.0%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428 / 675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448 / 685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469 / 696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492 / 707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515 / 71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4147262817"/>
                  </a:ext>
                </a:extLst>
              </a:tr>
              <a:tr h="182786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9.5%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349 / 635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366 / 644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384 / 653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403 / 663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 dirty="0">
                          <a:effectLst/>
                        </a:rPr>
                        <a:t>1424 / 673c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191190695"/>
                  </a:ext>
                </a:extLst>
              </a:tr>
            </a:tbl>
          </a:graphicData>
        </a:graphic>
      </p:graphicFrame>
      <p:sp>
        <p:nvSpPr>
          <p:cNvPr id="21" name="Rectangle 20">
            <a:extLst>
              <a:ext uri="{FF2B5EF4-FFF2-40B4-BE49-F238E27FC236}">
                <a16:creationId xmlns:a16="http://schemas.microsoft.com/office/drawing/2014/main" id="{9E628172-5250-4208-905E-F542952C4D27}"/>
              </a:ext>
            </a:extLst>
          </p:cNvPr>
          <p:cNvSpPr>
            <a:spLocks/>
          </p:cNvSpPr>
          <p:nvPr/>
        </p:nvSpPr>
        <p:spPr>
          <a:xfrm>
            <a:off x="3253339" y="1312861"/>
            <a:ext cx="2829594" cy="3186171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  <a:p>
            <a:pPr algn="ctr"/>
            <a:endParaRPr lang="en-GB" sz="900" b="1" dirty="0">
              <a:solidFill>
                <a:schemeClr val="accent1"/>
              </a:solidFill>
            </a:endParaRPr>
          </a:p>
          <a:p>
            <a:pPr algn="ctr"/>
            <a:endParaRPr lang="en-GB" sz="900" b="1" dirty="0">
              <a:solidFill>
                <a:schemeClr val="accent1"/>
              </a:solidFill>
            </a:endParaRPr>
          </a:p>
          <a:p>
            <a:pPr algn="ctr"/>
            <a:endParaRPr lang="en-GB" sz="900" b="1" dirty="0">
              <a:solidFill>
                <a:schemeClr val="accent1"/>
              </a:solidFill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14492FB2-DF66-46D6-8D8E-5D07C0E81D46}"/>
              </a:ext>
            </a:extLst>
          </p:cNvPr>
          <p:cNvSpPr>
            <a:spLocks/>
          </p:cNvSpPr>
          <p:nvPr/>
        </p:nvSpPr>
        <p:spPr>
          <a:xfrm>
            <a:off x="6092792" y="1312862"/>
            <a:ext cx="3810166" cy="3186170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aphicFrame>
        <p:nvGraphicFramePr>
          <p:cNvPr id="24" name="Table 23">
            <a:extLst>
              <a:ext uri="{FF2B5EF4-FFF2-40B4-BE49-F238E27FC236}">
                <a16:creationId xmlns:a16="http://schemas.microsoft.com/office/drawing/2014/main" id="{2EEEC425-DA91-4CB1-BCA1-4DD29908308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61943926"/>
              </p:ext>
            </p:extLst>
          </p:nvPr>
        </p:nvGraphicFramePr>
        <p:xfrm>
          <a:off x="795527" y="1636713"/>
          <a:ext cx="9107437" cy="3258926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533739">
                  <a:extLst>
                    <a:ext uri="{9D8B030D-6E8A-4147-A177-3AD203B41FA5}">
                      <a16:colId xmlns:a16="http://schemas.microsoft.com/office/drawing/2014/main" val="2984849492"/>
                    </a:ext>
                  </a:extLst>
                </a:gridCol>
                <a:gridCol w="533739">
                  <a:extLst>
                    <a:ext uri="{9D8B030D-6E8A-4147-A177-3AD203B41FA5}">
                      <a16:colId xmlns:a16="http://schemas.microsoft.com/office/drawing/2014/main" val="3332398411"/>
                    </a:ext>
                  </a:extLst>
                </a:gridCol>
                <a:gridCol w="533739">
                  <a:extLst>
                    <a:ext uri="{9D8B030D-6E8A-4147-A177-3AD203B41FA5}">
                      <a16:colId xmlns:a16="http://schemas.microsoft.com/office/drawing/2014/main" val="1887185731"/>
                    </a:ext>
                  </a:extLst>
                </a:gridCol>
                <a:gridCol w="406658">
                  <a:extLst>
                    <a:ext uri="{9D8B030D-6E8A-4147-A177-3AD203B41FA5}">
                      <a16:colId xmlns:a16="http://schemas.microsoft.com/office/drawing/2014/main" val="1492336498"/>
                    </a:ext>
                  </a:extLst>
                </a:gridCol>
                <a:gridCol w="406658">
                  <a:extLst>
                    <a:ext uri="{9D8B030D-6E8A-4147-A177-3AD203B41FA5}">
                      <a16:colId xmlns:a16="http://schemas.microsoft.com/office/drawing/2014/main" val="856703191"/>
                    </a:ext>
                  </a:extLst>
                </a:gridCol>
                <a:gridCol w="42360">
                  <a:extLst>
                    <a:ext uri="{9D8B030D-6E8A-4147-A177-3AD203B41FA5}">
                      <a16:colId xmlns:a16="http://schemas.microsoft.com/office/drawing/2014/main" val="1250129739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1429621427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1499794923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1689672066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3697700938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2591378714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1106106065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1004060294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2184356988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2717271963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1558638313"/>
                    </a:ext>
                  </a:extLst>
                </a:gridCol>
                <a:gridCol w="567626">
                  <a:extLst>
                    <a:ext uri="{9D8B030D-6E8A-4147-A177-3AD203B41FA5}">
                      <a16:colId xmlns:a16="http://schemas.microsoft.com/office/drawing/2014/main" val="2683289981"/>
                    </a:ext>
                  </a:extLst>
                </a:gridCol>
                <a:gridCol w="406658">
                  <a:extLst>
                    <a:ext uri="{9D8B030D-6E8A-4147-A177-3AD203B41FA5}">
                      <a16:colId xmlns:a16="http://schemas.microsoft.com/office/drawing/2014/main" val="4270350014"/>
                    </a:ext>
                  </a:extLst>
                </a:gridCol>
              </a:tblGrid>
              <a:tr h="146126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 dirty="0">
                          <a:effectLst/>
                        </a:rPr>
                        <a:t>DCF Forecast Year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 dirty="0">
                          <a:effectLst/>
                        </a:rPr>
                        <a:t>0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1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2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3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4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5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6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7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8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9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10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TV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247129563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 dirty="0">
                          <a:effectLst/>
                        </a:rPr>
                        <a:t>Mar YE ($m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 dirty="0">
                          <a:effectLst/>
                        </a:rPr>
                        <a:t>2020E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21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22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23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24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25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26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27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28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29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u="none" strike="noStrike">
                          <a:effectLst/>
                        </a:rPr>
                        <a:t>2030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 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753904801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Revenue 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1,149 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256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354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447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443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471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501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531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562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593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,609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710255441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% growth </a:t>
                      </a:r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7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6.9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0.3%)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577656844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EBITDA 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4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3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12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24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28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30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33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35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38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41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45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175351436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margin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.2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7.4% </a:t>
                      </a:r>
                      <a:endParaRPr lang="en-US" sz="8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.6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67908381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% growth </a:t>
                      </a:r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(1.6%)</a:t>
                      </a:r>
                      <a:endParaRPr lang="en-US" sz="8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0.7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1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6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92056869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D&amp;A 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36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40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47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2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46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46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46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46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46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48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835743663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of revenue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1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3.2% </a:t>
                      </a:r>
                      <a:endParaRPr lang="en-US" sz="8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5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6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1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9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.9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115966918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of capex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79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94.4% </a:t>
                      </a:r>
                      <a:endParaRPr lang="en-US" sz="8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03.7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09.6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1.2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1.2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1.2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1.2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1.2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5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414116686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EBIT 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8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2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65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73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73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5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87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2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5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7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973322325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margin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4.2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4.8% </a:t>
                      </a:r>
                      <a:endParaRPr lang="en-US" sz="8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.7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.8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.9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.9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6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6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395117584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Tax on EBIT 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9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(11)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2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2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4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6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6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7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447724143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% tax rate </a:t>
                      </a:r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7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7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17.0% </a:t>
                      </a:r>
                      <a:endParaRPr lang="en-US" sz="8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7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7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7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7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7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7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7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172482215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Capex 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1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0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(50)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(50)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0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0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0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0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0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0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886446116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% of revenue </a:t>
                      </a:r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4.1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7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5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5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3.4% </a:t>
                      </a:r>
                      <a:endParaRPr lang="en-US" sz="8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2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1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.1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712330417"/>
                  </a:ext>
                </a:extLst>
              </a:tr>
              <a:tr h="129700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Change in NWC 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6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5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1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4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11598115"/>
                  </a:ext>
                </a:extLst>
              </a:tr>
              <a:tr h="129700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Other Cashflows 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(5)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(5)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19049912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of revenue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4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0.3% </a:t>
                      </a:r>
                      <a:endParaRPr lang="en-US" sz="8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630727095"/>
                  </a:ext>
                </a:extLst>
              </a:tr>
              <a:tr h="129700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Exceptional items 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8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7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5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0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0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061718394"/>
                  </a:ext>
                </a:extLst>
              </a:tr>
              <a:tr h="129700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of revenue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.4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5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(1.7%)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3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0.0% </a:t>
                      </a:r>
                      <a:endParaRPr lang="en-US" sz="8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0% </a:t>
                      </a:r>
                      <a:endParaRPr lang="en-US" sz="8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689205511"/>
                  </a:ext>
                </a:extLst>
              </a:tr>
              <a:tr h="129700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Unlevered free cash flow 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 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1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4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3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9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61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63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65 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67 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70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73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20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206735381"/>
                  </a:ext>
                </a:extLst>
              </a:tr>
              <a:tr h="129700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 dirty="0">
                          <a:effectLst/>
                        </a:rPr>
                        <a:t>Cashflow Timing (Years to Discount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4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5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6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7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8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9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10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137950971"/>
                  </a:ext>
                </a:extLst>
              </a:tr>
              <a:tr h="129700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 dirty="0">
                          <a:effectLst/>
                        </a:rPr>
                        <a:t>Discount Factor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92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85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78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72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67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61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56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0.52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0.48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0.44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633331788"/>
                  </a:ext>
                </a:extLst>
              </a:tr>
              <a:tr h="129700">
                <a:tc gridSpan="3"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Discounted DCF cashflows 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 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28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46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73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43 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40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9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7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>
                          <a:effectLst/>
                        </a:rPr>
                        <a:t>35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33 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32 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800" u="none" strike="noStrike" dirty="0">
                          <a:effectLst/>
                        </a:rPr>
                        <a:t>407 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007371715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173</TotalTime>
  <Words>784</Words>
  <Application>Microsoft Office PowerPoint</Application>
  <PresentationFormat>Custom</PresentationFormat>
  <Paragraphs>392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Arial Narrow</vt:lpstr>
      <vt:lpstr>Calibr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Nandy, Ipsita</cp:lastModifiedBy>
  <cp:revision>868</cp:revision>
  <cp:lastPrinted>2020-01-28T09:55:08Z</cp:lastPrinted>
  <dcterms:created xsi:type="dcterms:W3CDTF">2015-06-19T14:55:37Z</dcterms:created>
  <dcterms:modified xsi:type="dcterms:W3CDTF">2022-03-22T18:49:47Z</dcterms:modified>
</cp:coreProperties>
</file>